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648" r:id="rId16"/>
  </p:sldMasterIdLst>
  <p:notesMasterIdLst>
    <p:notesMasterId r:id="rId24"/>
  </p:notesMasterIdLst>
  <p:handoutMasterIdLst>
    <p:handoutMasterId r:id="rId25"/>
  </p:handoutMasterIdLst>
  <p:sldIdLst>
    <p:sldId id="261" r:id="rId17"/>
    <p:sldId id="264" r:id="rId18"/>
    <p:sldId id="266" r:id="rId19"/>
    <p:sldId id="267" r:id="rId20"/>
    <p:sldId id="268" r:id="rId21"/>
    <p:sldId id="263" r:id="rId22"/>
    <p:sldId id="265" r:id="rId2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26" autoAdjust="0"/>
    <p:restoredTop sz="94673" autoAdjust="0"/>
  </p:normalViewPr>
  <p:slideViewPr>
    <p:cSldViewPr snapToGrid="0" snapToObjects="1" showGuides="1">
      <p:cViewPr varScale="1">
        <p:scale>
          <a:sx n="82" d="100"/>
          <a:sy n="82" d="100"/>
        </p:scale>
        <p:origin x="768" y="78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5/2/2023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5/2/2023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, 2023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BD25C7F-9A4B-487D-847B-8AD6C18836B7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0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A725CCBA-80C3-4817-89DB-6D984D0F495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401581031" name="Classification" descr="{&quot;templafy&quot;:{&quot;id&quot;:&quot;9c24e7d0-d2bc-479a-9209-491dc08bb51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:asvg="http://schemas.microsoft.com/office/drawing/2016/SVG/main"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May 2, 2023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, 2023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4F086C7-2804-421D-86F6-0C377AD5170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B86297F8-6905-4EC1-9DA0-268763BA2E96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485655628" name="Classification" descr="{&quot;templafy&quot;:{&quot;id&quot;:&quot;4660efee-fabf-4927-be25-53ed74ad8e7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:asvg="http://schemas.microsoft.com/office/drawing/2016/SVG/main"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, 2023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7F2A9ED0-B262-45EB-B163-BE942E3E3F11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4F0BE50A-027E-4CEF-B5DB-57271BF694E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238774825" name="Classification" descr="{&quot;templafy&quot;:{&quot;id&quot;:&quot;ec6887e1-1fe8-4b22-9e87-cfa9a5043f0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, 2023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081FCDB-DABC-4D99-A1D9-97F3162ACDC4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332621A-814E-4F40-9648-309969E41299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86362167" name="Classification" descr="{&quot;templafy&quot;:{&quot;id&quot;:&quot;f8bdf1ad-df20-431b-9bc7-a9ebe678557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ED62A86F-7062-4D45-8FDF-AD84F6AFC7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1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003BCFBD-4CE4-409C-ADBF-094B04343E68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, 2023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4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A941D9CF-B941-4280-8DD1-D881D243EC4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6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097C192C-56D3-4D2E-A5FD-182AEBEC4C9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396129648" name="Classification" descr="{&quot;templafy&quot;:{&quot;id&quot;:&quot;7ab5a249-4eb2-4567-b497-2e131b33289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GUIDES</a:t>
            </a:r>
            <a:endParaRPr lang="en-GB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D27C8A6-3124-4A11-900D-2C649BB3C7C9}" type="datetime4">
              <a:rPr lang="en-GB" smtClean="0"/>
              <a:t>02 May 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GB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GB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5000" b="1" i="0" noProof="0" dirty="0">
                <a:solidFill>
                  <a:schemeClr val="bg1"/>
                </a:solidFill>
              </a:rPr>
              <a:t>Do not use </a:t>
            </a:r>
            <a:endParaRPr lang="en-GB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en-GB" smtClean="0"/>
              <a:t>02 May 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May 2, 2023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72EC7CB-C220-4F9F-904D-7507BD4E5788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E2CC540C-F06B-49C1-B9EC-0743FEA2479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830053029" name="Classification" descr="{&quot;templafy&quot;:{&quot;id&quot;:&quot;54cb9848-8ca7-4849-8172-2b2305e4a61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May 2, 2023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de-DE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331200" y="6548400"/>
            <a:ext cx="1296985" cy="1181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B2016A11-4950-4F3F-938B-45DEE5F72969}" type="datetime4">
              <a:rPr lang="en-US" smtClean="0"/>
              <a:pPr/>
              <a:t>May 2, 2023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1630800" y="6548400"/>
            <a:ext cx="658375" cy="1188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59">
            <a:extLst>
              <a:ext uri="{96DAC541-7B7A-43D3-8B79-37D633B846F1}">
                <asvg:svgBlip xmlns:asvg="http://schemas.microsoft.com/office/drawing/2016/SVG/main" r:embed="rId60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ABB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652" r:id="rId8"/>
    <p:sldLayoutId id="2147483654" r:id="rId9"/>
    <p:sldLayoutId id="2147483698" r:id="rId10"/>
    <p:sldLayoutId id="2147483655" r:id="rId11"/>
    <p:sldLayoutId id="2147483705" r:id="rId12"/>
    <p:sldLayoutId id="2147483656" r:id="rId13"/>
    <p:sldLayoutId id="2147483706" r:id="rId14"/>
    <p:sldLayoutId id="2147483657" r:id="rId15"/>
    <p:sldLayoutId id="2147483707" r:id="rId16"/>
    <p:sldLayoutId id="2147483658" r:id="rId17"/>
    <p:sldLayoutId id="2147483708" r:id="rId18"/>
    <p:sldLayoutId id="2147483661" r:id="rId19"/>
    <p:sldLayoutId id="2147483662" r:id="rId20"/>
    <p:sldLayoutId id="2147483659" r:id="rId21"/>
    <p:sldLayoutId id="2147483660" r:id="rId22"/>
    <p:sldLayoutId id="2147483663" r:id="rId23"/>
    <p:sldLayoutId id="2147483664" r:id="rId24"/>
    <p:sldLayoutId id="2147483665" r:id="rId25"/>
    <p:sldLayoutId id="2147483666" r:id="rId26"/>
    <p:sldLayoutId id="2147483668" r:id="rId27"/>
    <p:sldLayoutId id="2147483670" r:id="rId28"/>
    <p:sldLayoutId id="2147483671" r:id="rId29"/>
    <p:sldLayoutId id="2147483669" r:id="rId30"/>
    <p:sldLayoutId id="2147483672" r:id="rId31"/>
    <p:sldLayoutId id="2147483673" r:id="rId32"/>
    <p:sldLayoutId id="2147483694" r:id="rId33"/>
    <p:sldLayoutId id="2147483674" r:id="rId34"/>
    <p:sldLayoutId id="2147483675" r:id="rId35"/>
    <p:sldLayoutId id="2147483676" r:id="rId36"/>
    <p:sldLayoutId id="2147483677" r:id="rId37"/>
    <p:sldLayoutId id="2147483678" r:id="rId38"/>
    <p:sldLayoutId id="2147483679" r:id="rId39"/>
    <p:sldLayoutId id="2147483680" r:id="rId40"/>
    <p:sldLayoutId id="2147483695" r:id="rId41"/>
    <p:sldLayoutId id="2147483682" r:id="rId42"/>
    <p:sldLayoutId id="2147483683" r:id="rId43"/>
    <p:sldLayoutId id="2147483684" r:id="rId44"/>
    <p:sldLayoutId id="2147483685" r:id="rId45"/>
    <p:sldLayoutId id="2147483686" r:id="rId46"/>
    <p:sldLayoutId id="2147483687" r:id="rId47"/>
    <p:sldLayoutId id="2147483667" r:id="rId48"/>
    <p:sldLayoutId id="2147483688" r:id="rId49"/>
    <p:sldLayoutId id="2147483689" r:id="rId50"/>
    <p:sldLayoutId id="2147483690" r:id="rId51"/>
    <p:sldLayoutId id="2147483691" r:id="rId52"/>
    <p:sldLayoutId id="2147483692" r:id="rId53"/>
    <p:sldLayoutId id="2147483699" r:id="rId54"/>
    <p:sldLayoutId id="2147483693" r:id="rId55"/>
    <p:sldLayoutId id="2147483709" r:id="rId56"/>
    <p:sldLayoutId id="2147483710" r:id="rId5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="http://schemas.microsoft.com/office/powerpoint/2012/main" xmlns:asvg="http://schemas.microsoft.com/office/drawing/2016/SVG/main" xmlns:a16="http://schemas.microsoft.com/office/drawing/2014/main"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6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5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6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F735C43-164B-4B11-A679-24E66B171A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Science Projec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25EC53D2-A58C-4DF7-B808-BDA96C4A341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A2145916-9A26-478E-B2DF-2CA2CB8B705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B2016A11-4950-4F3F-938B-45DEE5F72969}" type="datetime4">
              <a:rPr lang="en-US" smtClean="0"/>
              <a:pPr/>
              <a:t>May 2, 2023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12">
            <a:extLst>
              <a:ext uri="{FF2B5EF4-FFF2-40B4-BE49-F238E27FC236}">
                <a16:creationId xmlns:a16="http://schemas.microsoft.com/office/drawing/2014/main" id="{E8A13502-029F-A599-C135-9564E8659C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95374" y="1269000"/>
            <a:ext cx="5000626" cy="2042525"/>
          </a:xfrm>
        </p:spPr>
        <p:txBody>
          <a:bodyPr/>
          <a:lstStyle/>
          <a:p>
            <a:r>
              <a:rPr lang="it-IT" dirty="0"/>
              <a:t>Building 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D76F5BB-6889-4935-8CF2-3E8726F1D39D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548438"/>
            <a:ext cx="1296988" cy="117475"/>
          </a:xfrm>
        </p:spPr>
        <p:txBody>
          <a:bodyPr/>
          <a:lstStyle/>
          <a:p>
            <a:fld id="{B2016A11-4950-4F3F-938B-45DEE5F72969}" type="datetime4">
              <a:rPr lang="en-US" noProof="0" smtClean="0"/>
              <a:pPr/>
              <a:t>May 2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95B0DCC-1DF2-401A-BE04-01FF316A2C7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548438"/>
            <a:ext cx="658813" cy="119062"/>
          </a:xfrm>
        </p:spPr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2</a:t>
            </a:fld>
            <a:endParaRPr lang="en-US" noProof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328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2C5549D-5929-04C1-95E3-B95DEC79ED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Data </a:t>
            </a:r>
            <a:r>
              <a:rPr lang="it-IT" dirty="0" err="1"/>
              <a:t>preparation</a:t>
            </a:r>
            <a:r>
              <a:rPr lang="it-IT" dirty="0"/>
              <a:t> and </a:t>
            </a:r>
            <a:r>
              <a:rPr lang="it-IT" dirty="0" err="1"/>
              <a:t>visualization</a:t>
            </a:r>
            <a:endParaRPr lang="it-IT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E6C9A63-A88A-53B9-30E3-5189DC49C8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it-IT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5F077F2-59D2-5BFF-B212-F9EAF5409B7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it-IT"/>
          </a:p>
        </p:txBody>
      </p:sp>
    </p:spTree>
    <p:extLst>
      <p:ext uri="{BB962C8B-B14F-4D97-AF65-F5344CB8AC3E}">
        <p14:creationId xmlns:p14="http://schemas.microsoft.com/office/powerpoint/2010/main" val="11716237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2C5549D-5929-04C1-95E3-B95DEC79ED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0200" y="691199"/>
            <a:ext cx="11530600" cy="367200"/>
          </a:xfrm>
        </p:spPr>
        <p:txBody>
          <a:bodyPr/>
          <a:lstStyle/>
          <a:p>
            <a:r>
              <a:rPr lang="it-IT" dirty="0"/>
              <a:t>Load </a:t>
            </a:r>
            <a:r>
              <a:rPr lang="it-IT" dirty="0" err="1"/>
              <a:t>profiles</a:t>
            </a:r>
            <a:r>
              <a:rPr lang="it-IT" dirty="0"/>
              <a:t> </a:t>
            </a:r>
            <a:r>
              <a:rPr lang="it-IT" dirty="0" err="1"/>
              <a:t>characterization</a:t>
            </a:r>
            <a:endParaRPr lang="it-IT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E6C9A63-A88A-53B9-30E3-5189DC49C8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it-IT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5F077F2-59D2-5BFF-B212-F9EAF5409B7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it-IT"/>
          </a:p>
        </p:txBody>
      </p:sp>
    </p:spTree>
    <p:extLst>
      <p:ext uri="{BB962C8B-B14F-4D97-AF65-F5344CB8AC3E}">
        <p14:creationId xmlns:p14="http://schemas.microsoft.com/office/powerpoint/2010/main" val="339940916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82C5549D-5929-04C1-95E3-B95DEC79ED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0200" y="691199"/>
            <a:ext cx="11530600" cy="367200"/>
          </a:xfrm>
        </p:spPr>
        <p:txBody>
          <a:bodyPr/>
          <a:lstStyle/>
          <a:p>
            <a:r>
              <a:rPr lang="it-IT" dirty="0"/>
              <a:t>Energy </a:t>
            </a:r>
            <a:r>
              <a:rPr lang="it-IT"/>
              <a:t>Benchmarking model</a:t>
            </a:r>
            <a:endParaRPr lang="it-IT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E6C9A63-A88A-53B9-30E3-5189DC49C8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it-IT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5F077F2-59D2-5BFF-B212-F9EAF5409B7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it-IT"/>
          </a:p>
        </p:txBody>
      </p:sp>
    </p:spTree>
    <p:extLst>
      <p:ext uri="{BB962C8B-B14F-4D97-AF65-F5344CB8AC3E}">
        <p14:creationId xmlns:p14="http://schemas.microsoft.com/office/powerpoint/2010/main" val="1687835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387891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850347537468771","enableDocumentContentUpdater":tru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Prepar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US - English, using US adapted terminology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{"name":"DocumentKind","value":"lkfV49ZDsob5Bh/OcSBVgcFiYOf7BZZEAIO3+yuOAZE="},{"name":"LifeCycleStatus","value":"QnWOujKLJp1RvJFaXvBl6HPTKUr9NiUrF8/eA/+Hz0E="},{"name":"SecurityLevel","value":"AjUfbU7fcmJ9ahnATTBBemZ2fau3JMwZtl4s3Acf4Qc="}]}]]></TemplafyFormConfiguration>
</file>

<file path=customXml/item13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/>
    </True>
  </Cmd>
</Update>
</file>

<file path=customXml/item1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/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15.xml><?xml version="1.0" encoding="utf-8"?>
<TemplafySlideTemplateConfiguration><![CDATA[{"slideVersion":1,"isValidatorEnabled":false,"isLocked":false,"elementsMetadata":[],"slideId":"637850347537440597","enableDocumentContentUpdater":true,"version":"2.0"}]]></TemplafySlideTemplateConfiguration>
</file>

<file path=customXml/item2.xml><?xml version="1.0" encoding="utf-8"?>
<TemplafyTemplateConfiguration><![CDATA[{"elementsMetadata":[{"elementConfiguration":{"width":"4.25 cm","height":"0.7 cm","image":"{{Form.SecurityLevel.Classification}}","disableUpdates":false,"type":"image"},"type":"shape","id":"4660efee-fabf-4927-be25-53ed74ad8e70"},{"elementConfiguration":{"width":"4.25 cm","height":"0.7 cm","image":"{{Form.SecurityLevel.Classification}}","disableUpdates":false,"type":"image"},"type":"shape","id":"9c24e7d0-d2bc-479a-9209-491dc08bb517"},{"elementConfiguration":{"width":"4.25 cm","height":"0.7 cm","image":"{{Form.SecurityLevel.Classification}}","disableUpdates":false,"type":"image"},"type":"shape","id":"54cb9848-8ca7-4849-8172-2b2305e4a61a"},{"elementConfiguration":{"width":"4.25 cm","height":"0.7 cm","image":"{{Form.SecurityLevel.Classification}}","disableUpdates":false,"type":"image"},"type":"shape","id":"7ab5a249-4eb2-4567-b497-2e131b332892"},{"elementConfiguration":{"width":"4.25 cm","height":"0.7 cm","image":"{{Form.SecurityLevel.Classification}}","disableUpdates":false,"type":"image"},"type":"shape","id":"f8bdf1ad-df20-431b-9bc7-a9ebe6785573"},{"elementConfiguration":{"width":"4.25 cm","height":"0.7 cm","image":"{{Form.SecurityLevel.Classification}}","disableUpdates":false,"type":"image"},"type":"shape","id":"ec6887e1-1fe8-4b22-9e87-cfa9a5043f09"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],"templateName":"ABB Template","templateDescription":"Basic PowerPoint template to create each type of presentation. Released 2022.04.08","enableDocumentContentUpdater":tru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5.xml><?xml version="1.0" encoding="utf-8"?>
<TemplafySlideTemplateConfiguration><![CDATA[{"slideVersion":1,"isValidatorEnabled":false,"isLocked":false,"elementsMetadata":[{"elementConfiguration":{"width":"4.25 cm","height":"0.7 cm","image":"{{Form.SecurityLevel.Classification}}","disableUpdates":false,"type":"image"},"type":"shape"}],"slideId":"637850347537416501","enableDocumentContentUpdater":tru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TemplateConfiguration><![CDATA[{"slideVersion":1,"isValidatorEnabled":false,"isLocked":false,"elementsMetadata":[],"slideId":"637850347537485435","enableDocumentContentUpdater":true,"version":"2.0"}]]></TemplafySlideTemplateConfiguration>
</file>

<file path=customXml/itemProps1.xml><?xml version="1.0" encoding="utf-8"?>
<ds:datastoreItem xmlns:ds="http://schemas.openxmlformats.org/officeDocument/2006/customXml" ds:itemID="{DD3C33AD-792D-4526-B706-A09FEA4C6707}">
  <ds:schemaRefs/>
</ds:datastoreItem>
</file>

<file path=customXml/itemProps10.xml><?xml version="1.0" encoding="utf-8"?>
<ds:datastoreItem xmlns:ds="http://schemas.openxmlformats.org/officeDocument/2006/customXml" ds:itemID="{3ECD800E-71F1-48A7-95FD-4E027165EBAE}">
  <ds:schemaRefs/>
</ds:datastoreItem>
</file>

<file path=customXml/itemProps11.xml><?xml version="1.0" encoding="utf-8"?>
<ds:datastoreItem xmlns:ds="http://schemas.openxmlformats.org/officeDocument/2006/customXml" ds:itemID="{29D7A846-0DA2-42A4-98F2-11B97807D5A0}">
  <ds:schemaRefs/>
</ds:datastoreItem>
</file>

<file path=customXml/itemProps12.xml><?xml version="1.0" encoding="utf-8"?>
<ds:datastoreItem xmlns:ds="http://schemas.openxmlformats.org/officeDocument/2006/customXml" ds:itemID="{88746BAB-2507-4F3A-B16E-ED38367EE530}">
  <ds:schemaRefs/>
</ds:datastoreItem>
</file>

<file path=customXml/itemProps13.xml><?xml version="1.0" encoding="utf-8"?>
<ds:datastoreItem xmlns:ds="http://schemas.openxmlformats.org/officeDocument/2006/customXml" ds:itemID="{FC702D5D-20C9-4646-A9EE-24CAFD79F5B7}">
  <ds:schemaRefs/>
</ds:datastoreItem>
</file>

<file path=customXml/itemProps14.xml><?xml version="1.0" encoding="utf-8"?>
<ds:datastoreItem xmlns:ds="http://schemas.openxmlformats.org/officeDocument/2006/customXml" ds:itemID="{20F01761-FF92-45AA-AFD3-07A4C4C43484}">
  <ds:schemaRefs>
    <ds:schemaRef ds:uri="http://schemas.microsoft.com/office/2006/metadata/properties"/>
    <ds:schemaRef ds:uri="http://schemas.microsoft.com/office/infopath/2007/PartnerControls"/>
    <ds:schemaRef ds:uri="71d29222-2c5f-45ad-9aa5-4c2d15fddbe9"/>
  </ds:schemaRefs>
</ds:datastoreItem>
</file>

<file path=customXml/itemProps15.xml><?xml version="1.0" encoding="utf-8"?>
<ds:datastoreItem xmlns:ds="http://schemas.openxmlformats.org/officeDocument/2006/customXml" ds:itemID="{A15A367D-AA48-4613-AF92-0DA9B3A69735}">
  <ds:schemaRefs/>
</ds:datastoreItem>
</file>

<file path=customXml/itemProps2.xml><?xml version="1.0" encoding="utf-8"?>
<ds:datastoreItem xmlns:ds="http://schemas.openxmlformats.org/officeDocument/2006/customXml" ds:itemID="{D2280EEE-F7B5-4B82-8B3F-6C5291CE43BF}">
  <ds:schemaRefs/>
</ds:datastoreItem>
</file>

<file path=customXml/itemProps3.xml><?xml version="1.0" encoding="utf-8"?>
<ds:datastoreItem xmlns:ds="http://schemas.openxmlformats.org/officeDocument/2006/customXml" ds:itemID="{55E46940-6434-4A2E-97B3-DE85BC1783F5}">
  <ds:schemaRefs/>
</ds:datastoreItem>
</file>

<file path=customXml/itemProps4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5.xml><?xml version="1.0" encoding="utf-8"?>
<ds:datastoreItem xmlns:ds="http://schemas.openxmlformats.org/officeDocument/2006/customXml" ds:itemID="{583016FA-8CF4-49F0-B3A3-2E0DED7C71BA}">
  <ds:schemaRefs/>
</ds:datastoreItem>
</file>

<file path=customXml/itemProps6.xml><?xml version="1.0" encoding="utf-8"?>
<ds:datastoreItem xmlns:ds="http://schemas.openxmlformats.org/officeDocument/2006/customXml" ds:itemID="{3852D14C-8C3D-4AA7-B8B3-DC72E44BEE61}">
  <ds:schemaRefs/>
</ds:datastoreItem>
</file>

<file path=customXml/itemProps7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17737E7C-FF8E-4947-8556-019F4675B7F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9882</TotalTime>
  <Words>21</Words>
  <Application>Microsoft Office PowerPoint</Application>
  <PresentationFormat>Widescreen</PresentationFormat>
  <Paragraphs>9</Paragraphs>
  <Slides>7</Slides>
  <Notes>0</Notes>
  <HiddenSlides>1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ABBvoice</vt:lpstr>
      <vt:lpstr>ABBvoice Light</vt:lpstr>
      <vt:lpstr>ABBvoiceOffice</vt:lpstr>
      <vt:lpstr>Arial</vt:lpstr>
      <vt:lpstr>ABB Master</vt:lpstr>
      <vt:lpstr>Data Science Project</vt:lpstr>
      <vt:lpstr>Building 1</vt:lpstr>
      <vt:lpstr>Data preparation and visualization</vt:lpstr>
      <vt:lpstr>Load profiles characterization</vt:lpstr>
      <vt:lpstr>Energy Benchmarking model</vt:lpstr>
      <vt:lpstr>PowerPoint Presentation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ata Science Project</dc:title>
  <dc:creator>ABB</dc:creator>
  <cp:lastModifiedBy>Lorenzo Fenili</cp:lastModifiedBy>
  <cp:revision>57</cp:revision>
  <dcterms:created xsi:type="dcterms:W3CDTF">2023-05-02T12:20:16Z</dcterms:created>
  <dcterms:modified xsi:type="dcterms:W3CDTF">2023-05-02T12:31:3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C73238EC1C55483BBB279E4E8C27D02E0100BB91C0F054DFB449B6CF054D7AD1ED9E</vt:lpwstr>
  </property>
  <property fmtid="{D5CDD505-2E9C-101B-9397-08002B2CF9AE}" pid="3" name="TemplafyTimeStamp">
    <vt:lpwstr>2022-04-25T10:48:46</vt:lpwstr>
  </property>
  <property fmtid="{D5CDD505-2E9C-101B-9397-08002B2CF9AE}" pid="4" name="TemplafyTenantId">
    <vt:lpwstr>abb</vt:lpwstr>
  </property>
  <property fmtid="{D5CDD505-2E9C-101B-9397-08002B2CF9AE}" pid="5" name="TemplafyTemplateId">
    <vt:lpwstr>637769003887615650</vt:lpwstr>
  </property>
  <property fmtid="{D5CDD505-2E9C-101B-9397-08002B2CF9AE}" pid="6" name="TemplafyUserProfileId">
    <vt:lpwstr>637973762131538469</vt:lpwstr>
  </property>
  <property fmtid="{D5CDD505-2E9C-101B-9397-08002B2CF9AE}" pid="7" name="TemplafyLanguageCode">
    <vt:lpwstr>en-US</vt:lpwstr>
  </property>
  <property fmtid="{D5CDD505-2E9C-101B-9397-08002B2CF9AE}" pid="8" name="BrandName">
    <vt:lpwstr>ABB</vt:lpwstr>
  </property>
  <property fmtid="{D5CDD505-2E9C-101B-9397-08002B2CF9AE}" pid="9" name="TemplafyFromBlank">
    <vt:bool>false</vt:bool>
  </property>
</Properties>
</file>